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</p:sldMasterIdLst>
  <p:notesMasterIdLst>
    <p:notesMasterId r:id="rId14"/>
  </p:notesMasterIdLst>
  <p:handoutMasterIdLst>
    <p:handoutMasterId r:id="rId15"/>
  </p:handoutMasterIdLst>
  <p:sldIdLst>
    <p:sldId id="256" r:id="rId2"/>
    <p:sldId id="260" r:id="rId3"/>
    <p:sldId id="258" r:id="rId4"/>
    <p:sldId id="264" r:id="rId5"/>
    <p:sldId id="259" r:id="rId6"/>
    <p:sldId id="266" r:id="rId7"/>
    <p:sldId id="257" r:id="rId8"/>
    <p:sldId id="261" r:id="rId9"/>
    <p:sldId id="267" r:id="rId10"/>
    <p:sldId id="262" r:id="rId11"/>
    <p:sldId id="263" r:id="rId12"/>
    <p:sldId id="265" r:id="rId13"/>
  </p:sldIdLst>
  <p:sldSz cx="12190413" cy="6859588"/>
  <p:notesSz cx="6858000" cy="9144000"/>
  <p:custDataLst>
    <p:tags r:id="rId16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4" autoAdjust="0"/>
    <p:restoredTop sz="90104" autoAdjust="0"/>
  </p:normalViewPr>
  <p:slideViewPr>
    <p:cSldViewPr snapToGrid="0">
      <p:cViewPr varScale="1">
        <p:scale>
          <a:sx n="98" d="100"/>
          <a:sy n="98" d="100"/>
        </p:scale>
        <p:origin x="114" y="124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tags" Target="tags/tag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xmlns="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12-02-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12/02/2019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LD_PresentationTitle">
            <a:extLst>
              <a:ext uri="{FF2B5EF4-FFF2-40B4-BE49-F238E27FC236}">
                <a16:creationId xmlns:a16="http://schemas.microsoft.com/office/drawing/2014/main" xmlns="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xmlns="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xmlns="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0B41247-62C5-4295-A3D4-783131CEB7C3}" type="datetime1">
              <a:rPr lang="en-GB" smtClean="0"/>
              <a:t>12/02/2019</a:t>
            </a:fld>
            <a:endParaRPr lang="en-GB" dirty="0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xmlns="" id="{8CA71D2E-512F-4EB0-AAF9-E4FEBA858101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xmlns="" id="{8404ACBE-98F7-42FA-B2C4-2BDACC351B5F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6" name="Picture 15">
                <a:extLst>
                  <a:ext uri="{FF2B5EF4-FFF2-40B4-BE49-F238E27FC236}">
                    <a16:creationId xmlns:a16="http://schemas.microsoft.com/office/drawing/2014/main" xmlns="" id="{7674FC44-6BF9-46ED-9900-58E4FF05620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xmlns="" id="{D5F5BB9B-F1EC-45D9-9CB7-D11256272499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xmlns="" id="{8543A725-2ECD-475C-B8F2-4B95DD799F0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xmlns="" id="{5D058906-F75B-403B-B22D-B41549B240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4" name="Picture 23">
            <a:extLst>
              <a:ext uri="{FF2B5EF4-FFF2-40B4-BE49-F238E27FC236}">
                <a16:creationId xmlns:a16="http://schemas.microsoft.com/office/drawing/2014/main" xmlns="" id="{BB368B35-1A95-4DB8-9489-9493B9DFE5D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xmlns="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313612" y="1645032"/>
            <a:ext cx="4073525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1C63FFC-C24F-42BD-8F6D-3A4421BCC06E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8958262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xmlns="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AED2E60-01D6-4F79-A625-452943605DA2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xmlns="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xmlns="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15268D6-3EF9-436B-BEF6-97BB38C5C789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xmlns="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xmlns="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91136B9-D526-4536-AEB5-49DE53A308E7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xmlns="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F003625-C224-48A4-9718-353072F8E6FA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xmlns="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xmlns="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xmlns="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xmlns="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xmlns="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xmlns="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xmlns="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xmlns="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xmlns="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xmlns="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xmlns="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0B3C2C9-42B2-48C3-9414-AE8D19407EE6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xmlns="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xmlns="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xmlns="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xmlns="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xmlns="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xmlns="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xmlns="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xmlns="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D77DD1E-B98B-45F7-9546-B1788170E4B4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xmlns="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xmlns="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xmlns="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xmlns="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/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xmlns="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xmlns="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xmlns="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xmlns="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xmlns="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xmlns="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xmlns="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xmlns="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xmlns="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xmlns="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xmlns="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E3DD2A6-1BE7-4EA9-84A2-F11A5165DE0C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2543"/>
            <a:ext cx="4071936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xmlns="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xmlns="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xmlns="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58225B1-A452-40FC-8A01-84666A009ECA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452543"/>
            <a:ext cx="2443162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xmlns="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xmlns="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8720B68-5729-4698-9390-DCA51205AB42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xmlns="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xmlns="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xmlns="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xmlns="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xmlns="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E6C92720-8A0E-4F9D-A333-A503748AD998}" type="datetime1">
              <a:rPr lang="en-GB" smtClean="0"/>
              <a:t>12/02/2019</a:t>
            </a:fld>
            <a:endParaRPr lang="x-none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xmlns="" id="{7BCB23DC-9A5C-4856-B9D3-C9BA6C166827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xmlns="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8063B2E-8C01-4370-811D-ED9CFFBF81C2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xmlns="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xmlns="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45CA955-04E6-4654-8B79-967A1A11EE7C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537029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612900" y="906698"/>
            <a:ext cx="3257550" cy="2158049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xmlns="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BB587D8-8DF5-429A-9A05-A0054CA7C720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xmlns="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xmlns="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xmlns="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1F8F006-CEFB-45B4-BF92-9A6B900214BF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2543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xmlns="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xmlns="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xmlns="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D87EA63-F755-4A8E-821B-329ACEE8C487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xmlns="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xmlns="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474691D-64E9-4E3B-9E5D-6AEA0C7231FA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xmlns="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xmlns="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25927CF-B54D-4FAB-9BA6-A5A4312AA97C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xmlns="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xmlns="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A9BBBF3-9064-4CF2-A72B-5C6CDAF7C4A7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xmlns="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xmlns="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xmlns="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xmlns="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xmlns="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B96E6CF-5C31-4870-BCB6-07823A895C75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xmlns="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xmlns="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xmlns="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xmlns="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xmlns="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xmlns="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698D980-7D00-4681-8746-7532DC986D46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xmlns="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xmlns="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xmlns="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xmlns="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xmlns="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xmlns="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3A22D842-3640-4CD1-91C9-664BDD60E01C}" type="datetime1">
              <a:rPr lang="en-GB" smtClean="0"/>
              <a:t>12/02/2019</a:t>
            </a:fld>
            <a:endParaRPr lang="x-none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xmlns="" id="{CB71DD6B-2BD1-40F7-8209-3A56F244488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xmlns="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xmlns="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xmlns="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xmlns="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xmlns="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xmlns="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xmlns="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70887E3-FB36-4E7A-94BB-25B55929D587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xmlns="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xmlns="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xmlns="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xmlns="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xmlns="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xmlns="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xmlns="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xmlns="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733259D-1726-41CC-85B5-646D9C5309C3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xmlns="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xmlns="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xmlns="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xmlns="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5DCD29F3-26A2-49DB-ACBF-22741F94563B}" type="datetime1">
              <a:rPr lang="en-GB" smtClean="0"/>
              <a:t>12/02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xmlns="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xmlns="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xmlns="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xmlns="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9EAAD15E-3686-4532-A41A-9BA2E08CE830}" type="datetime1">
              <a:rPr lang="en-GB" smtClean="0"/>
              <a:t>12/02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xmlns="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xmlns="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B2FEAA5-A606-430E-96AD-196D98FDB195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xmlns="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xmlns="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F3E80CA-0AF9-43BD-9676-82C6664A7763}" type="datetime1">
              <a:rPr lang="en-GB" smtClean="0"/>
              <a:t>12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xmlns="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xmlns="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822A32C-F391-47B9-A546-44C271C6C0D0}" type="datetime1">
              <a:rPr lang="en-GB" smtClean="0"/>
              <a:t>12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xmlns="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0EA9E9C4-D3C9-488E-A8FC-F4DAD8C9D9BF}" type="datetime1">
              <a:rPr lang="en-GB" smtClean="0"/>
              <a:t>12/02/2019</a:t>
            </a:fld>
            <a:endParaRPr lang="en-GB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xmlns="" id="{FCCD3D23-05BF-4B57-8284-15FF6D12171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8459846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xmlns="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xmlns="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xmlns="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xmlns="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xmlns="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95110B7A-E063-4E38-A3C2-3B338016AFCF}" type="datetime1">
              <a:rPr lang="en-GB" smtClean="0"/>
              <a:t>12/02/2019</a:t>
            </a:fld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xmlns="" id="{649BD8C4-6612-438B-81F5-53DD9DF90E7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513" y="6159600"/>
            <a:ext cx="2826457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550DA34D-CD01-4059-B449-4DCD238F6AE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240"/>
            <a:ext cx="12190413" cy="6857108"/>
          </a:xfrm>
          <a:prstGeom prst="rect">
            <a:avLst/>
          </a:prstGeom>
        </p:spPr>
      </p:pic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xmlns="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C6073AA9-65D9-481B-934A-4D13A4154049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xmlns="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xmlns="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xmlns="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1C3CE41D-80B5-447F-B030-1484AC3D6CB0}" type="datetime1">
              <a:rPr lang="en-GB" smtClean="0"/>
              <a:t>12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xmlns="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xmlns="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6A9E4F07-EEAF-45BB-A7C7-3D95AB9E62A9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xmlns="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xmlns="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all" baseline="0">
                <a:solidFill>
                  <a:schemeClr val="bg1"/>
                </a:solidFill>
              </a:defRPr>
            </a:lvl1pPr>
            <a:lvl2pPr marL="627063" indent="-265113">
              <a:defRPr sz="1400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633FBDA7-6230-410C-AB76-A8190197912A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xmlns="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xmlns="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6473F4E-91A4-4C5D-BCED-01D34A47CC2E}" type="datetime1">
              <a:rPr lang="en-GB" smtClean="0"/>
              <a:t>12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xmlns="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645032"/>
            <a:ext cx="4887913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8B61100-919C-4CF2-9D52-25E29E082956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xmlns="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684838" y="1645032"/>
            <a:ext cx="5702300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C3CC85F-6194-4C2D-BB55-33B1B6E2233F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image" Target="../media/image3.emf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xmlns="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96E9BBC-B0A1-4150-9A9F-F34527166AF0}" type="datetime1">
              <a:rPr lang="en-GB" smtClean="0"/>
              <a:t>12/02/2019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xmlns="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xmlns="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xmlns="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1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xmlns="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xmlns="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xmlns="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2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5" name="Picture 24">
            <a:extLst>
              <a:ext uri="{FF2B5EF4-FFF2-40B4-BE49-F238E27FC236}">
                <a16:creationId xmlns:a16="http://schemas.microsoft.com/office/drawing/2014/main" xmlns="" id="{038C835D-7A3F-4157-850A-1556A9D8479F}"/>
              </a:ext>
            </a:extLst>
          </p:cNvPr>
          <p:cNvPicPr>
            <a:picLocks noChangeAspect="1"/>
          </p:cNvPicPr>
          <p:nvPr userDrawn="1"/>
        </p:nvPicPr>
        <p:blipFill>
          <a:blip r:embed="rId43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xmlns="" id="{6515BF35-693E-4749-821E-5148CED147C8}"/>
              </a:ext>
            </a:extLst>
          </p:cNvPr>
          <p:cNvSpPr/>
          <p:nvPr userDrawn="1"/>
        </p:nvSpPr>
        <p:spPr>
          <a:xfrm>
            <a:off x="2051824" y="6142932"/>
            <a:ext cx="1573147" cy="27226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99" r:id="rId37"/>
    <p:sldLayoutId id="2147483790" r:id="rId38"/>
    <p:sldLayoutId id="2147483767" r:id="rId39"/>
  </p:sldLayoutIdLst>
  <p:hf hdr="0" ft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image" Target="../media/image8.emf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>
            <a:extLst>
              <a:ext uri="{FF2B5EF4-FFF2-40B4-BE49-F238E27FC236}">
                <a16:creationId xmlns:a16="http://schemas.microsoft.com/office/drawing/2014/main" xmlns="" id="{762559F4-64D2-4777-B4A2-5B4FAFFDC7D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400" dirty="0"/>
              <a:t>Overview of WRAP 2014 Platform develop and Shake-Out project update</a:t>
            </a:r>
          </a:p>
        </p:txBody>
      </p:sp>
      <p:sp>
        <p:nvSpPr>
          <p:cNvPr id="4" name="FLD_PresentationSubtitle">
            <a:extLst>
              <a:ext uri="{FF2B5EF4-FFF2-40B4-BE49-F238E27FC236}">
                <a16:creationId xmlns:a16="http://schemas.microsoft.com/office/drawing/2014/main" xmlns="" id="{AE283122-DAAA-4E85-87A4-5FF46F4B8AC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98513" y="3102429"/>
            <a:ext cx="8136879" cy="3001931"/>
          </a:xfrm>
        </p:spPr>
        <p:txBody>
          <a:bodyPr/>
          <a:lstStyle/>
          <a:p>
            <a:r>
              <a:rPr lang="en-GB" sz="2800" dirty="0"/>
              <a:t>Ralph Morris, Tejas Shah, Marco Rodriguez, Jeremiah Johnson, Pradeepa Vennam, Kaity Lieschke, Ramboll</a:t>
            </a:r>
          </a:p>
          <a:p>
            <a:r>
              <a:rPr lang="en-GB" sz="2800" dirty="0"/>
              <a:t>B.H. Baek, UNC</a:t>
            </a:r>
          </a:p>
          <a:p>
            <a:endParaRPr lang="en-GB" sz="2800" dirty="0"/>
          </a:p>
          <a:p>
            <a:pPr algn="ctr"/>
            <a:r>
              <a:rPr lang="en-GB" sz="2800" dirty="0"/>
              <a:t>February 12, 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256662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5C27AFDC-5101-474D-8F81-00D520B1B7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6:  2014 PGM Mode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F1E8AEA9-07E2-4499-85B4-528360714C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02400"/>
            <a:ext cx="10588625" cy="4505987"/>
          </a:xfrm>
        </p:spPr>
        <p:txBody>
          <a:bodyPr/>
          <a:lstStyle/>
          <a:p>
            <a:r>
              <a:rPr lang="en-US" dirty="0"/>
              <a:t>CAMx and CMAQ 2014 Annual Shake-Out Runs</a:t>
            </a:r>
          </a:p>
          <a:p>
            <a:r>
              <a:rPr lang="en-US" dirty="0"/>
              <a:t>Subtask 6a: PGM Set-Up and Initial Sensitivity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RF 12-km Sensitivity (EPA 12US2 vs. WAQS 12 WUS1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Biogenic Sensitivity (MEGAN vs. BEI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lect configuration for 2014 Shake-Out Ru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Begin </a:t>
            </a:r>
            <a:r>
              <a:rPr lang="en-US" dirty="0" err="1"/>
              <a:t>CAMx</a:t>
            </a:r>
            <a:r>
              <a:rPr lang="en-US" dirty="0"/>
              <a:t> 2014 Jan and Jul WRF sensitivity runs this week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CMAQ Jan/Jul to start soon</a:t>
            </a:r>
          </a:p>
          <a:p>
            <a:r>
              <a:rPr lang="en-US" dirty="0"/>
              <a:t>Subtask 6b: Annual 2014 CAMx and CMAQ 36/12-km Shake-Out Ru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odel Performance Evalua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Lessons Learned / Recommendations for Next Steps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Additional Sensitivity Tests: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Fire Plume Rise (EPA Briggs vs. WRAP Approach)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[No Layer Collapsing]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8B80F90B-7C20-4CA3-A79D-EC1615DC1C0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48945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F53DE2EE-0558-4936-B157-3DEF9873E2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200" dirty="0"/>
              <a:t>Tasks 7 (Single-Source) 11 (Transfer) and 12 (Management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E1B6E20E-C1FD-40A3-B269-7733353E734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ask 7:  Single-Source Visibility Screening and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reparation of PPT and Conduct Webinar December 12, 2018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ocument in Memorandum  by end of Feb 2019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Separate Q/D Analysis Project for Control Measures Subcommittee</a:t>
            </a:r>
          </a:p>
          <a:p>
            <a:r>
              <a:rPr lang="en-US" dirty="0"/>
              <a:t>Task 11:  Data Transfer to IWDW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ajor transfers to occur in February</a:t>
            </a:r>
          </a:p>
          <a:p>
            <a:r>
              <a:rPr lang="en-US" dirty="0"/>
              <a:t>Task 12: Managemen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eetings, Conference Calls, Coordination, Progress Report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RAP 2014 Shake-Out Meeting March 7, 2019 in Greater Denver Area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63941F8C-DC44-4402-87B1-9B20B40ED2C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029434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B51DD88A-2986-4952-827D-6A3D2B2067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vised milestone schedu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CC08F295-73E9-474B-8715-D9A48A0107F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47801"/>
            <a:ext cx="10588625" cy="620486"/>
          </a:xfrm>
        </p:spPr>
        <p:txBody>
          <a:bodyPr/>
          <a:lstStyle/>
          <a:p>
            <a:r>
              <a:rPr lang="en-US" dirty="0"/>
              <a:t>Highlighted are completed work element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xmlns="" id="{807E15C0-4463-48B5-BAF8-AAA49E891D4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2</a:t>
            </a:fld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xmlns="" id="{2DC727C6-667A-4F98-A09D-F50BE7145D1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41034" y="2203083"/>
            <a:ext cx="7872922" cy="35086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58616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6DE1602C-E5D6-4F55-8DBE-3661287555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RAP 2014 Shake-Out Objectives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xmlns="" id="{7281482F-C4C5-4462-8D9B-6A2C4749208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3" y="1295400"/>
            <a:ext cx="4745760" cy="4412987"/>
          </a:xfrm>
        </p:spPr>
        <p:txBody>
          <a:bodyPr/>
          <a:lstStyle/>
          <a:p>
            <a:r>
              <a:rPr lang="en-US" dirty="0"/>
              <a:t>Use existing information to develop a 2014 PGM modeling platform for western U.S. and provide initial test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3-month projec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PA 2014 Platform (12US2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2014 WRF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EPA (12US2) &amp; WAQS (36US/12WUS2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MOKE 36-km Domai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ew Natural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nsitivity Tests for WRF 12-km met and Biogenic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2014 CAMx and CMAQ 36/12-km Annual Shake-Out Run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Evaluate fire plume ris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xmlns="" id="{884789EE-FA2F-4C62-852A-57A0AE3C51AB}"/>
              </a:ext>
            </a:extLst>
          </p:cNvPr>
          <p:cNvPicPr/>
          <p:nvPr/>
        </p:nvPicPr>
        <p:blipFill rotWithShape="1">
          <a:blip r:embed="rId2"/>
          <a:srcRect l="21698" t="12777" r="24514" b="55808"/>
          <a:stretch/>
        </p:blipFill>
        <p:spPr bwMode="auto">
          <a:xfrm>
            <a:off x="5798917" y="1934675"/>
            <a:ext cx="5718170" cy="4063354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xmlns="" id="{FEAC0F46-DE4A-4075-9E63-BE8B40435AF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739494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B227937D-0641-4932-9C4A-3FDD821AA2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 Shake-Out Tasks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xmlns="" id="{CAB60886-6EAE-429F-8D1B-A3934C5B31D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55914"/>
            <a:ext cx="10588625" cy="4652473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/>
              <a:t>Task 1:  Modeling Plan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Draft Modeling Plan for 2014 Shake-Out dated December 31, 2018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Two comments received – Any more?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o do Modeling Plan on Lessons Learned (e.g., 2008 WestJumpAQMS and 2011 WAQS)</a:t>
            </a:r>
          </a:p>
          <a:p>
            <a:r>
              <a:rPr lang="en-US" dirty="0"/>
              <a:t>No Task 2</a:t>
            </a:r>
          </a:p>
          <a:p>
            <a:r>
              <a:rPr lang="en-US" dirty="0"/>
              <a:t>Task 3:  2014 Base Year Emissions Process </a:t>
            </a:r>
          </a:p>
          <a:p>
            <a:r>
              <a:rPr lang="en-US" dirty="0"/>
              <a:t>Task 4:  2014 WRF Meteorology MPE (PPT)</a:t>
            </a:r>
          </a:p>
          <a:p>
            <a:r>
              <a:rPr lang="en-US" dirty="0"/>
              <a:t>Task 5:  2014 GEOS-Chem BCs (PPT)</a:t>
            </a:r>
          </a:p>
          <a:p>
            <a:r>
              <a:rPr lang="en-US" dirty="0"/>
              <a:t>Task 6:  2014 PGM Modeling (contract update received Jan 29, 2019; Update Slide to Follow)</a:t>
            </a:r>
          </a:p>
          <a:p>
            <a:r>
              <a:rPr lang="en-US" dirty="0"/>
              <a:t>Task 7:  Single-Source Visibility Modeling</a:t>
            </a:r>
          </a:p>
          <a:p>
            <a:r>
              <a:rPr lang="en-US" dirty="0"/>
              <a:t>No Tasks 8, 9 and 10</a:t>
            </a:r>
          </a:p>
          <a:p>
            <a:r>
              <a:rPr lang="en-US" dirty="0"/>
              <a:t>Task 11:  Data Transfer to IWDW</a:t>
            </a:r>
          </a:p>
          <a:p>
            <a:r>
              <a:rPr lang="en-US" dirty="0"/>
              <a:t>Task 12:  Management</a:t>
            </a:r>
          </a:p>
          <a:p>
            <a:pPr lvl="1"/>
            <a:endParaRPr lang="en-US" dirty="0"/>
          </a:p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xmlns="" id="{CF389093-593B-41D2-8A04-61531A2FACB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79562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3C01A684-2DE9-4409-BDB6-D0D9D30D1E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1:  Modeling Pla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4FF34307-3D01-48A7-809A-82DA882373B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raft 2014 Platform Development and Shake-Out Modeling Plan dated December 31, 2018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sked for comments by January 22, 2019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eceived four comments</a:t>
            </a:r>
          </a:p>
          <a:p>
            <a:r>
              <a:rPr lang="en-US" dirty="0"/>
              <a:t>Updated Draft 2014 Modeling Plan to address comment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ubmitted updated 2014 Modeling Plan to WRAP February 2, 2019</a:t>
            </a:r>
          </a:p>
          <a:p>
            <a:r>
              <a:rPr lang="en-US" dirty="0"/>
              <a:t>Second “Modeling Plan” on lessons learned from 2008/2011 and preliminary 2014 modeling that can be accounted for in 2014v2 Platform Update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raft by end of Feb 2019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092D2FF2-50C0-4C1F-B5E9-EB24827D5AF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596084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B6B03F16-BD33-4E9A-AB7E-245E84C68A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3:  2014 Emissions Processing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81A5CBA2-E4BA-48F7-B20F-F6C9CF96DA9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99458"/>
            <a:ext cx="10588625" cy="4608930"/>
          </a:xfrm>
        </p:spPr>
        <p:txBody>
          <a:bodyPr/>
          <a:lstStyle/>
          <a:p>
            <a:r>
              <a:rPr lang="en-US" dirty="0"/>
              <a:t>Start with EPA’s 2014 Modeling CMAQ-ready emissions for 12-km 12US2 modeling domains</a:t>
            </a:r>
          </a:p>
          <a:p>
            <a:r>
              <a:rPr lang="en-US" dirty="0"/>
              <a:t>2014 Anthropogenic Emissions (UNC Lead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MOKE Processing for 36-km 36US1 Domain -- Complete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MOKE Processing of 2014 Point and Non-Point  with western state updates  -- Completed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Point: O&amp;G, EGU, nonEGU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Non-Point: RWC, FugDust, Other (Area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ransferred 2014 36/12-km CMAQ-ready sector emissions to Ramboll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CMAQ2CAMx convertor to generate </a:t>
            </a:r>
            <a:r>
              <a:rPr lang="en-US" dirty="0" err="1"/>
              <a:t>CAMx</a:t>
            </a:r>
            <a:r>
              <a:rPr lang="en-US" dirty="0"/>
              <a:t>-ready file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Data corruption of </a:t>
            </a:r>
            <a:r>
              <a:rPr lang="en-US" dirty="0" err="1"/>
              <a:t>CAMx</a:t>
            </a:r>
            <a:r>
              <a:rPr lang="en-US" dirty="0"/>
              <a:t>-ready emissions so re-running CMAQ2CAMx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ag NOx point sources &gt; 5 </a:t>
            </a:r>
            <a:r>
              <a:rPr lang="en-US" dirty="0" err="1"/>
              <a:t>tpd</a:t>
            </a:r>
            <a:r>
              <a:rPr lang="en-US" dirty="0"/>
              <a:t> for treatment with Plume-in-Grid (</a:t>
            </a:r>
            <a:r>
              <a:rPr lang="en-US" dirty="0" err="1"/>
              <a:t>PiG</a:t>
            </a:r>
            <a:r>
              <a:rPr lang="en-US" dirty="0"/>
              <a:t>) module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~ 500 sources across 12US2 domai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ABA574F0-5131-448F-A79F-B62E384D765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4263410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4921A67E-C85B-4497-9745-60AE2C40E9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3:  2014 Emissions Processing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4B983CF7-EC99-48CA-831F-B613CE2146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2014 Natural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EGANv3 Biogenic (compare with EPA SMOKE-BEI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a Salt processor (SSA/DMS) – </a:t>
            </a:r>
            <a:r>
              <a:rPr lang="en-US" dirty="0" err="1"/>
              <a:t>CAMx</a:t>
            </a:r>
            <a:r>
              <a:rPr lang="en-US" dirty="0"/>
              <a:t> with DMS chemistry not ready, rename DMS as SO2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ew WBD Processor – Needs more refinement</a:t>
            </a:r>
          </a:p>
          <a:p>
            <a:pPr>
              <a:buSzPct val="150000"/>
              <a:buFont typeface="Arial" panose="020B0604020202020204" pitchFamily="34" charset="0"/>
              <a:buChar char="•"/>
            </a:pPr>
            <a:r>
              <a:rPr lang="en-US" dirty="0"/>
              <a:t>New 2014 BlueSky Fires from Air Sciences</a:t>
            </a:r>
          </a:p>
          <a:p>
            <a:pPr lvl="1">
              <a:buSzPct val="100000"/>
              <a:buFont typeface="Courier New" panose="02070309020205020404" pitchFamily="49" charset="0"/>
              <a:buChar char="o"/>
            </a:pPr>
            <a:r>
              <a:rPr lang="en-US" dirty="0"/>
              <a:t>Several iterations of fire emissions, final received January 31, 2019</a:t>
            </a:r>
          </a:p>
          <a:p>
            <a:pPr lvl="1">
              <a:buSzPct val="100000"/>
              <a:buFont typeface="Courier New" panose="02070309020205020404" pitchFamily="49" charset="0"/>
              <a:buChar char="o"/>
            </a:pPr>
            <a:r>
              <a:rPr lang="en-US" dirty="0"/>
              <a:t>Flaming fires take a long time to process</a:t>
            </a:r>
          </a:p>
          <a:p>
            <a:pPr lvl="2">
              <a:buSzPct val="100000"/>
              <a:buFont typeface="Courier New" panose="02070309020205020404" pitchFamily="49" charset="0"/>
              <a:buChar char="o"/>
            </a:pPr>
            <a:r>
              <a:rPr lang="en-US" dirty="0"/>
              <a:t>SMOKE 3-D output takes 5-days computer time to process and &gt; 4 Tb output</a:t>
            </a:r>
          </a:p>
          <a:p>
            <a:pPr lvl="2">
              <a:buSzPct val="100000"/>
              <a:buFont typeface="Courier New" panose="02070309020205020404" pitchFamily="49" charset="0"/>
              <a:buChar char="o"/>
            </a:pPr>
            <a:r>
              <a:rPr lang="en-US" dirty="0"/>
              <a:t>10 of 12 months processed</a:t>
            </a:r>
          </a:p>
          <a:p>
            <a:pPr lvl="2">
              <a:buSzPct val="100000"/>
              <a:buFont typeface="Courier New" panose="02070309020205020404" pitchFamily="49" charset="0"/>
              <a:buChar char="o"/>
            </a:pPr>
            <a:endParaRPr lang="en-US" dirty="0"/>
          </a:p>
          <a:p>
            <a:pPr lvl="2">
              <a:buSzPct val="100000"/>
              <a:buFont typeface="Courier New" panose="02070309020205020404" pitchFamily="49" charset="0"/>
              <a:buChar char="o"/>
            </a:pPr>
            <a:endParaRPr lang="en-US" dirty="0"/>
          </a:p>
          <a:p>
            <a:pPr lvl="1">
              <a:buSzPct val="150000"/>
              <a:buFont typeface="Courier New" panose="02070309020205020404" pitchFamily="49" charset="0"/>
              <a:buChar char="o"/>
            </a:pP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54B33811-D5E7-4E58-B91A-D171A6290B9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929769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sk 4:  2014 WRF Model Evaluation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921C9DC9-8466-44E5-8C69-8DC424521E9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Results presented at Jan 31, 2019 RTOWG Conference Call</a:t>
            </a:r>
          </a:p>
          <a:p>
            <a:r>
              <a:rPr lang="en-GB" dirty="0"/>
              <a:t>Two WRF 12-km Dataset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EPA 12-km 12US2 and WAQS 12-km WUS2</a:t>
            </a:r>
          </a:p>
          <a:p>
            <a:r>
              <a:rPr lang="en-GB" dirty="0"/>
              <a:t>Quantitative Evaluation using Surface Me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Wind Speed, Wind Direction, Temperature and Humidity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Evaluate for WUS, by State and by Site (make available on IWDW)</a:t>
            </a:r>
          </a:p>
          <a:p>
            <a:r>
              <a:rPr lang="en-GB" dirty="0"/>
              <a:t>Qualitative Evaluation of Precipitation using PRISM Data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Monthly and Daily Evalu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F2E9F729-0481-4C01-A0D2-B76EBB1FCAB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7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3702198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AF27A9E4-60C0-4FA7-A7F9-CBDFC631F9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5:  2014 GEOS-Chem Boundary Condi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BBD9D33F-20F3-45AD-BB96-C2FF909E9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58686"/>
            <a:ext cx="10588625" cy="4249701"/>
          </a:xfrm>
        </p:spPr>
        <p:txBody>
          <a:bodyPr/>
          <a:lstStyle/>
          <a:p>
            <a:r>
              <a:rPr lang="en-US" dirty="0"/>
              <a:t>Process 2014 GEOS-Chem to generate BCs for CAMx and CMAQ 25-layer 36US domai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pdate species mapping in GC2CAMx and GC2CMAQ</a:t>
            </a:r>
          </a:p>
          <a:p>
            <a:r>
              <a:rPr lang="en-US" dirty="0"/>
              <a:t>Conduct inert with deposition BC-only CAMx 36-km 36US1 and 12-km 12US2 domains simulations and analyze spatial plots and evaluation against CASTNet O3 and IMPROV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s just simulating BCs (no emissions or chemistry) would expect model to underestimat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otential issues seen with Ozone, Crustal (Fine and Coarse) and SO4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o issues seen with NH3 and NaCl that have been seen in past Global runs</a:t>
            </a:r>
          </a:p>
          <a:p>
            <a:r>
              <a:rPr lang="en-US" dirty="0"/>
              <a:t>Adjust 2014 BCs to eliminate anomali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se capping of maximum species to eliminate anomalies (Ozone, SO4 and SO2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on’t use scaling that should be addressed with GEOS-Chem emission updates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AE7913F6-0812-4556-9E64-774852A690E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1645219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39A01E3B-8584-4EA6-A5D1-4123497EBF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5:  2014 GEOS-Chem Boundary Condi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503EA2AF-6CFC-4D16-9E8D-95EAF8013A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inal caps to 2014 GEOS-Chem BCs to eliminate anomalies (SO2/PSO4) or high ozo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EB9F9A6F-7F85-46F9-A282-F6158F5672A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9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C0493C4E-8ACC-4B90-96E6-9CC7321425E1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5965"/>
          <a:stretch/>
        </p:blipFill>
        <p:spPr>
          <a:xfrm>
            <a:off x="349133" y="2469493"/>
            <a:ext cx="5071954" cy="28600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xmlns="" id="{B771682F-A112-4032-A540-20E39186BD8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02182" y="2548387"/>
            <a:ext cx="5573701" cy="316000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560A18B5-D4DB-4B68-AEDC-7D3DA049333C}"/>
              </a:ext>
            </a:extLst>
          </p:cNvPr>
          <p:cNvSpPr txBox="1"/>
          <p:nvPr/>
        </p:nvSpPr>
        <p:spPr bwMode="auto">
          <a:xfrm>
            <a:off x="6444342" y="2647640"/>
            <a:ext cx="3657600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SO2 36US3 BCs</a:t>
            </a:r>
          </a:p>
        </p:txBody>
      </p:sp>
    </p:spTree>
    <p:extLst>
      <p:ext uri="{BB962C8B-B14F-4D97-AF65-F5344CB8AC3E}">
        <p14:creationId xmlns:p14="http://schemas.microsoft.com/office/powerpoint/2010/main" val="150321916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 MIK adjustments.potx" id="{8AF8F9E4-DE39-4C2B-85B6-4A5686C9C8EC}" vid="{89A0920C-1F3F-4FDF-B731-81363685CBD0}"/>
    </a:ext>
  </a:extLst>
</a:theme>
</file>

<file path=ppt/theme/theme2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713</TotalTime>
  <Words>923</Words>
  <Application>Microsoft Office PowerPoint</Application>
  <PresentationFormat>Custom</PresentationFormat>
  <Paragraphs>121</Paragraphs>
  <Slides>1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Arial</vt:lpstr>
      <vt:lpstr>Courier New</vt:lpstr>
      <vt:lpstr>Verdana</vt:lpstr>
      <vt:lpstr>Wingdings</vt:lpstr>
      <vt:lpstr>Blank</vt:lpstr>
      <vt:lpstr>Overview of WRAP 2014 Platform develop and Shake-Out project update</vt:lpstr>
      <vt:lpstr>WRAP 2014 Shake-Out Objectives</vt:lpstr>
      <vt:lpstr>2014 Shake-Out Tasks</vt:lpstr>
      <vt:lpstr>Task 1:  Modeling Plan</vt:lpstr>
      <vt:lpstr>Task 3:  2014 Emissions Processing </vt:lpstr>
      <vt:lpstr>Task 3:  2014 Emissions Processing </vt:lpstr>
      <vt:lpstr>Task 4:  2014 WRF Model Evaluation </vt:lpstr>
      <vt:lpstr>Task 5:  2014 GEOS-Chem Boundary Conditions</vt:lpstr>
      <vt:lpstr>Task 5:  2014 GEOS-Chem Boundary Conditions</vt:lpstr>
      <vt:lpstr>Task 6:  2014 PGM Modeling</vt:lpstr>
      <vt:lpstr>Tasks 7 (Single-Source) 11 (Transfer) and 12 (Management)</vt:lpstr>
      <vt:lpstr>Revised milestone schedule</vt:lpstr>
    </vt:vector>
  </TitlesOfParts>
  <Company>Ramboll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amboll</dc:creator>
  <cp:lastModifiedBy>Ames Roger</cp:lastModifiedBy>
  <cp:revision>37</cp:revision>
  <dcterms:created xsi:type="dcterms:W3CDTF">2017-10-17T11:00:12Z</dcterms:created>
  <dcterms:modified xsi:type="dcterms:W3CDTF">2019-02-12T18:30:0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ramboll</vt:lpwstr>
  </property>
  <property fmtid="{D5CDD505-2E9C-101B-9397-08002B2CF9AE}" pid="5" name="TemplateId">
    <vt:lpwstr>636486672340117068</vt:lpwstr>
  </property>
  <property fmtid="{D5CDD505-2E9C-101B-9397-08002B2CF9AE}" pid="6" name="UserProfileId">
    <vt:lpwstr>636646713910522723</vt:lpwstr>
  </property>
</Properties>
</file>